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5" d="100"/>
          <a:sy n="105" d="100"/>
        </p:scale>
        <p:origin x="85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lstwijh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D1FA20BE-9EF4-762D-6077-3CECE37226A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1254" y="4714700"/>
            <a:ext cx="2213198" cy="193433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7F237087-C404-A9CE-A190-11B00FC4206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3598" y="3980963"/>
            <a:ext cx="1610581" cy="140764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2-28T15:43:34Z</dcterms:modified>
</cp:coreProperties>
</file>